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jc w:val="center"/>
        <w:rPr>
          <w:rFonts w:ascii="MS Sans Serif" w:hAnsi="MS Sans Serif" w:cs="MS Sans Serif"/>
          <w:b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b/>
          <w:szCs w:val="20"/>
          <w:shd w:val="clear" w:color="auto" w:fill="FFFFFF"/>
          <w:lang w:val="es-ES"/>
        </w:rPr>
        <w:t>SESSIÓ 4 – ODS I INFORMATS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****** BLOQUES DATA A PARTIR DE BASES DE DATOS SAS 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xercici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1.1     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 Crear las carpetas S04\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Dades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\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aaa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i S04\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Dades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\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bbb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.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spellStart"/>
      <w:proofErr w:type="gramStart"/>
      <w:r w:rsidRPr="009B6ECD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options</w:t>
      </w:r>
      <w:proofErr w:type="spellEnd"/>
      <w:proofErr w:type="gram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proofErr w:type="spellStart"/>
      <w:r w:rsidRPr="009B6ECD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noxwait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;  </w:t>
      </w: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per que no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s'aturi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a la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finestra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de comandes de DOS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X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MD D</w:t>
      </w:r>
      <w:proofErr w:type="gram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:\</w:t>
      </w:r>
      <w:proofErr w:type="gram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\s04\AAA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X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MD D</w:t>
      </w:r>
      <w:proofErr w:type="gram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:\</w:t>
      </w:r>
      <w:proofErr w:type="gram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\s04\bbb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xercici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1.2.1   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 El archivo EBPF.SAS7BDAT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ontinen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información sobre todas las comunidades autónomas. Crea dos </w:t>
      </w:r>
      <w:bookmarkStart w:id="0" w:name="_GoBack"/>
      <w:bookmarkEnd w:id="0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archivos en un único 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gram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bloque</w:t>
      </w:r>
      <w:proofErr w:type="gram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DATA con nombres EBNOR y EBRES. El primero ha de contener los datos con código 'N' (Norte) y el segundo, el resto.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LIBNAME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A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s04\AAA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LIBNAME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B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s04\BBB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s04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ebpf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; </w:t>
      </w: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/* </w:t>
      </w:r>
      <w:proofErr w:type="spell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Mirem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el </w:t>
      </w:r>
      <w:proofErr w:type="spell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contingut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del </w:t>
      </w:r>
      <w:proofErr w:type="spell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fitxer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*/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A.ebnor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(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where</w:t>
      </w: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(</w:t>
      </w:r>
      <w:proofErr w:type="spellStart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codi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N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))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B.ebres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(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where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codi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^=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N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))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set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s04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ebpf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a.ebnor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b.ebres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gramStart"/>
      <w:r w:rsidRPr="009B6ECD"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  <w:lang w:val="es-ES"/>
        </w:rPr>
        <w:t>run</w:t>
      </w:r>
      <w:proofErr w:type="gram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xercici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1.2.2   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 A partir del fichero EBPF definir un bloque DATA con sólo las observaciones de la 6 a la 13, ambas incluidas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 Se seleccionan 13 registros y se empieza a contar por el sexto: quedan los registros del 6 al 13;</w:t>
      </w: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a.eb_613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set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s04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ebpf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obs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13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firstobs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6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)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a.eb_613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gramStart"/>
      <w:r w:rsidRPr="009B6ECD"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  <w:lang w:val="es-ES"/>
        </w:rPr>
        <w:t>run</w:t>
      </w:r>
      <w:proofErr w:type="gram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 ODS 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xercici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2       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Obtener las frecuencias de las variables genere,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scriu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i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sport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del archivo ESTU.SAS7BDAT.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Guarda los resultados en un fichero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html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con el nombre EJ2.HTML.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Indica como único título no centrado "Tablas de frecuencia", sin que aparezca el título del PROC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lastRenderedPageBreak/>
        <w:t>data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estu1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set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s04\estu1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estu1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=estu1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positio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options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nodate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nonumber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nocenter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ods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noproctitle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ods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html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file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s04\ej2.html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spellStart"/>
      <w:proofErr w:type="gramStart"/>
      <w:r w:rsidRPr="009B6ECD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title</w:t>
      </w:r>
      <w:proofErr w:type="spellEnd"/>
      <w:proofErr w:type="gram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r w:rsidRPr="009B6ECD">
        <w:rPr>
          <w:rFonts w:ascii="MS Sans Serif" w:hAnsi="MS Sans Serif" w:cs="MS Sans Serif"/>
          <w:color w:val="800080"/>
          <w:sz w:val="20"/>
          <w:szCs w:val="20"/>
          <w:shd w:val="clear" w:color="auto" w:fill="FFFFFF"/>
          <w:lang w:val="es-ES"/>
        </w:rPr>
        <w:t>'Tablas de frecuencia'</w:t>
      </w: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spellStart"/>
      <w:proofErr w:type="gramStart"/>
      <w:r w:rsidRPr="009B6ECD"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  <w:lang w:val="es-ES"/>
        </w:rPr>
        <w:t>proc</w:t>
      </w:r>
      <w:proofErr w:type="spellEnd"/>
      <w:proofErr w:type="gram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proofErr w:type="spellStart"/>
      <w:r w:rsidRPr="009B6ECD"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  <w:lang w:val="es-ES"/>
        </w:rPr>
        <w:t>freq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r w:rsidRPr="009B6ECD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data</w:t>
      </w: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=estu1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ab/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table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x1 x9 x10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spellStart"/>
      <w:proofErr w:type="gramStart"/>
      <w:r w:rsidRPr="009B6ECD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ods</w:t>
      </w:r>
      <w:proofErr w:type="spellEnd"/>
      <w:proofErr w:type="gram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proofErr w:type="spellStart"/>
      <w:r w:rsidRPr="009B6ECD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html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proofErr w:type="spellStart"/>
      <w:r w:rsidRPr="009B6ECD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close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 LECTURA DE ARCHIVOS ASCII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xercici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3.1     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El archivo ATURATS.DAT contiene datos trimestrales de parados en las 18 CCAA y total de España en la segunda variable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proofErr w:type="gram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los</w:t>
      </w:r>
      <w:proofErr w:type="gram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datos abarcan del 3er trimestre de 1976 al segundo de 1995.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rear una base de datos ATUR_T con toda la información.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ods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html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title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Exercici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 xml:space="preserve"> 3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libname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base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s04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base.atur_t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file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s04\aturats.dat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put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trim$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esp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C01-C18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base.atur_t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gramStart"/>
      <w:r w:rsidRPr="009B6ECD"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  <w:lang w:val="es-ES"/>
        </w:rPr>
        <w:t>run</w:t>
      </w:r>
      <w:proofErr w:type="gram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; 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xercici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3.2     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El archivo ESTU96.DAT contiene 10 variables. Crea la base de datos de SAS con toda la información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gram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usando</w:t>
      </w:r>
      <w:proofErr w:type="gram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como nombre de variables X1,...,X10.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gramStart"/>
      <w:r w:rsidRPr="009B6ECD"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  <w:lang w:val="es-ES"/>
        </w:rPr>
        <w:t>data</w:t>
      </w:r>
      <w:proofErr w:type="gram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estu96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ab/>
      </w:r>
      <w:proofErr w:type="spellStart"/>
      <w:proofErr w:type="gramStart"/>
      <w:r w:rsidRPr="009B6ECD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infile</w:t>
      </w:r>
      <w:proofErr w:type="spellEnd"/>
      <w:proofErr w:type="gram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r w:rsidRPr="009B6ECD">
        <w:rPr>
          <w:rFonts w:ascii="MS Sans Serif" w:hAnsi="MS Sans Serif" w:cs="MS Sans Serif"/>
          <w:color w:val="800080"/>
          <w:sz w:val="20"/>
          <w:szCs w:val="20"/>
          <w:shd w:val="clear" w:color="auto" w:fill="FFFFFF"/>
          <w:lang w:val="es-ES"/>
        </w:rPr>
        <w:t>'D:\</w:t>
      </w:r>
      <w:proofErr w:type="spellStart"/>
      <w:r w:rsidRPr="009B6ECD">
        <w:rPr>
          <w:rFonts w:ascii="MS Sans Serif" w:hAnsi="MS Sans Serif" w:cs="MS Sans Serif"/>
          <w:color w:val="800080"/>
          <w:sz w:val="20"/>
          <w:szCs w:val="20"/>
          <w:shd w:val="clear" w:color="auto" w:fill="FFFFFF"/>
          <w:lang w:val="es-ES"/>
        </w:rPr>
        <w:t>sas</w:t>
      </w:r>
      <w:proofErr w:type="spellEnd"/>
      <w:r w:rsidRPr="009B6ECD">
        <w:rPr>
          <w:rFonts w:ascii="MS Sans Serif" w:hAnsi="MS Sans Serif" w:cs="MS Sans Serif"/>
          <w:color w:val="800080"/>
          <w:sz w:val="20"/>
          <w:szCs w:val="20"/>
          <w:shd w:val="clear" w:color="auto" w:fill="FFFFFF"/>
          <w:lang w:val="es-ES"/>
        </w:rPr>
        <w:t>\s04\estu96.dat'</w:t>
      </w: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ab/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put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X01$ X02-X09 X10$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estu96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; 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xercici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4.1     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El archivo 2.DAT recoge 3 medidas (X1, X2 y X3) pero cada observación ocupa dos líneas. Las variables X1 y X2 tienen un único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gram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dígito</w:t>
      </w:r>
      <w:proofErr w:type="gram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cada una. La de X3 ocupa hasta un máximo de 2 dígitos. Crear la base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da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datos con los 58 casos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mesura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file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</w:t>
      </w:r>
      <w:proofErr w:type="gram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: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s04\2.dat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pu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x1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x2 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x3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mesura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positio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mesura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 3 INPUT con PUNTERO DE COLUMNAS I INFORMATS DE FECHA 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/* INPUT   @p1 V1 informat1w.  .........@</w:t>
      </w:r>
      <w:proofErr w:type="spell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pk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Vk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</w:t>
      </w:r>
      <w:proofErr w:type="spellStart"/>
      <w:proofErr w:type="gram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informatkw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.;</w:t>
      </w:r>
      <w:proofErr w:type="gramEnd"/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n donde: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@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pj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es un número que indica al programa a qué columna se tiene que dirigir el puntero 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   </w:t>
      </w:r>
      <w:proofErr w:type="gram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para</w:t>
      </w:r>
      <w:proofErr w:type="gram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leer la información con un formato de lectura que viene dado por el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informatjw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.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Informats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son formatos de lectura predefinidos por SAS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spellStart"/>
      <w:proofErr w:type="gram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formats</w:t>
      </w:r>
      <w:proofErr w:type="spellEnd"/>
      <w:proofErr w:type="gram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son formatos de escritura predefinidos por SAS */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*******************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* </w:t>
      </w:r>
      <w:proofErr w:type="spell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Exercici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5       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*******************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 Leer los datos que aparecen en el DATALINES correspondientes al nombre completo, edad, curso y fecha de nacimiento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ALUMNES_B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PU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nom$ 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-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24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edat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curs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$ 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30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data_i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:</w:t>
      </w:r>
      <w:r>
        <w:rPr>
          <w:rFonts w:ascii="MS Sans Serif" w:hAnsi="MS Sans Serif" w:cs="MS Sans Serif"/>
          <w:color w:val="008080"/>
          <w:sz w:val="20"/>
          <w:szCs w:val="20"/>
          <w:shd w:val="clear" w:color="auto" w:fill="FFFFFF"/>
        </w:rPr>
        <w:t>ddmmyy8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; 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FORMA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data_i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gramStart"/>
      <w:r>
        <w:rPr>
          <w:rFonts w:ascii="MS Sans Serif" w:hAnsi="MS Sans Serif" w:cs="MS Sans Serif"/>
          <w:color w:val="008080"/>
          <w:sz w:val="20"/>
          <w:szCs w:val="20"/>
          <w:shd w:val="clear" w:color="auto" w:fill="FFFFFF"/>
        </w:rPr>
        <w:t>ddmmyy10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  <w:proofErr w:type="gramEnd"/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LINES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 xml:space="preserve">Rodríguez </w:t>
      </w:r>
      <w:proofErr w:type="spellStart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Alvaro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, José  23   A  15/10/96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proofErr w:type="spellStart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Carbó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 xml:space="preserve"> </w:t>
      </w:r>
      <w:proofErr w:type="spellStart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Durró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 xml:space="preserve">, </w:t>
      </w:r>
      <w:proofErr w:type="spellStart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Maria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 xml:space="preserve">      20   B  07/09/97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Santos Abella, Jaume    21   B  11/09/95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  <w:lang w:val="es-ES"/>
        </w:rPr>
        <w:t>RUN</w:t>
      </w: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= ALUMNES_B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*******************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* </w:t>
      </w:r>
      <w:proofErr w:type="spell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Exercici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6       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 Leer los datos que aparecen en el DATALINES correspondientes al apellido, nombre, fecha de nacimiento, fecha de inicio y sexo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 Hacer el listado de forma que ambas fechas tengan formato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dd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/mm/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aaaa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EJ6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lastRenderedPageBreak/>
        <w:t>INPU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Nom</w:t>
      </w: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$  Cog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$ 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ddn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:</w:t>
      </w:r>
      <w:r>
        <w:rPr>
          <w:rFonts w:ascii="MS Sans Serif" w:hAnsi="MS Sans Serif" w:cs="MS Sans Serif"/>
          <w:color w:val="008080"/>
          <w:sz w:val="20"/>
          <w:szCs w:val="20"/>
          <w:shd w:val="clear" w:color="auto" w:fill="FFFFFF"/>
        </w:rPr>
        <w:t>ddmmyy8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ddi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:</w:t>
      </w:r>
      <w:r>
        <w:rPr>
          <w:rFonts w:ascii="MS Sans Serif" w:hAnsi="MS Sans Serif" w:cs="MS Sans Serif"/>
          <w:color w:val="008080"/>
          <w:sz w:val="20"/>
          <w:szCs w:val="20"/>
          <w:shd w:val="clear" w:color="auto" w:fill="FFFFFF"/>
        </w:rPr>
        <w:t>ddmmyy6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sex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$ 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FORMA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ddn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8080"/>
          <w:sz w:val="20"/>
          <w:szCs w:val="20"/>
          <w:shd w:val="clear" w:color="auto" w:fill="FFFFFF"/>
        </w:rPr>
        <w:t>ddmmyy10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ddi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8080"/>
          <w:sz w:val="20"/>
          <w:szCs w:val="20"/>
          <w:shd w:val="clear" w:color="auto" w:fill="FFFFFF"/>
        </w:rPr>
        <w:t>ddmmyy10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LINES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</w:pP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>BACH  JORDI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 xml:space="preserve">   13/10/05  110797  H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>CASES EVA     01/09/</w:t>
      </w: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>50  070897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 xml:space="preserve">  D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</w:pP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>TORT  JOSEP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 xml:space="preserve">   07/01/44  230897  H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</w:pP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>SALA  JOA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 xml:space="preserve">    24/11/26  090997  H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= EJ6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xercici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7       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******************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 Leer los datos que aparecen en el DATALINES correspondientes al apellido1, apellido2, nombre, edad, fecha de inicio del curso, grupo y curso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 Hacer el listado de forma que la fecha tenga el mismo formato 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dd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/mm/</w:t>
      </w:r>
      <w:proofErr w:type="spellStart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aa</w:t>
      </w:r>
      <w:proofErr w:type="spellEnd"/>
      <w:r w:rsidRPr="009B6ECD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ALUMNES_A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PU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cognom1</w:t>
      </w: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$ :</w:t>
      </w:r>
      <w:proofErr w:type="gramEnd"/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9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cognom2$ nom$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edat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data_</w:t>
      </w: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i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:</w:t>
      </w:r>
      <w:proofErr w:type="gramEnd"/>
      <w:r>
        <w:rPr>
          <w:rFonts w:ascii="MS Sans Serif" w:hAnsi="MS Sans Serif" w:cs="MS Sans Serif"/>
          <w:color w:val="008080"/>
          <w:sz w:val="20"/>
          <w:szCs w:val="20"/>
          <w:shd w:val="clear" w:color="auto" w:fill="FFFFFF"/>
        </w:rPr>
        <w:t>ddmmyy8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grup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$ curs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FORMA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data_i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gramStart"/>
      <w:r>
        <w:rPr>
          <w:rFonts w:ascii="MS Sans Serif" w:hAnsi="MS Sans Serif" w:cs="MS Sans Serif"/>
          <w:color w:val="008080"/>
          <w:sz w:val="20"/>
          <w:szCs w:val="20"/>
          <w:shd w:val="clear" w:color="auto" w:fill="FFFFFF"/>
        </w:rPr>
        <w:t>ddmmyy8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  <w:proofErr w:type="gramEnd"/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LINES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 xml:space="preserve">Rodríguez </w:t>
      </w:r>
      <w:proofErr w:type="spellStart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Alvaro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 xml:space="preserve"> José  23   15/10/96      A  1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proofErr w:type="spellStart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Carbó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 xml:space="preserve"> </w:t>
      </w:r>
      <w:proofErr w:type="spellStart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Durró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 xml:space="preserve"> </w:t>
      </w:r>
      <w:proofErr w:type="spellStart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Maria</w:t>
      </w:r>
      <w:proofErr w:type="spellEnd"/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 xml:space="preserve">      20     07/09/97        B  2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Santos Abella   Jaume    21 11/09/95    B  3</w:t>
      </w:r>
    </w:p>
    <w:p w:rsidR="009B6ECD" w:rsidRP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9B6ECD"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  <w:lang w:val="es-ES"/>
        </w:rPr>
        <w:t>RUN</w:t>
      </w:r>
      <w:r w:rsidRPr="009B6ECD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= ALUMNES_A;</w:t>
      </w:r>
    </w:p>
    <w:p w:rsidR="009B6ECD" w:rsidRDefault="009B6ECD" w:rsidP="009B6ECD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093AB8" w:rsidRDefault="00093AB8"/>
    <w:sectPr w:rsidR="00093AB8" w:rsidSect="00C9559D">
      <w:headerReference w:type="default" r:id="rId6"/>
      <w:pgSz w:w="12240" w:h="15840"/>
      <w:pgMar w:top="1440" w:right="1440" w:bottom="1440" w:left="1440" w:header="720" w:footer="720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65ECF" w:rsidRDefault="00665ECF" w:rsidP="009B6ECD">
      <w:pPr>
        <w:spacing w:after="0" w:line="240" w:lineRule="auto"/>
      </w:pPr>
      <w:r>
        <w:separator/>
      </w:r>
    </w:p>
  </w:endnote>
  <w:endnote w:type="continuationSeparator" w:id="0">
    <w:p w:rsidR="00665ECF" w:rsidRDefault="00665ECF" w:rsidP="009B6EC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MS Sans Serif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65ECF" w:rsidRDefault="00665ECF" w:rsidP="009B6ECD">
      <w:pPr>
        <w:spacing w:after="0" w:line="240" w:lineRule="auto"/>
      </w:pPr>
      <w:r>
        <w:separator/>
      </w:r>
    </w:p>
  </w:footnote>
  <w:footnote w:type="continuationSeparator" w:id="0">
    <w:p w:rsidR="00665ECF" w:rsidRDefault="00665ECF" w:rsidP="009B6EC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B6ECD" w:rsidRPr="009B6ECD" w:rsidRDefault="009B6ECD" w:rsidP="009B6ECD">
    <w:pPr>
      <w:pStyle w:val="Header"/>
      <w:jc w:val="right"/>
      <w:rPr>
        <w:i/>
        <w:sz w:val="20"/>
        <w:lang w:val="ca-ES"/>
      </w:rPr>
    </w:pPr>
    <w:r w:rsidRPr="009B6ECD">
      <w:rPr>
        <w:i/>
        <w:sz w:val="20"/>
        <w:lang w:val="ca-ES"/>
      </w:rPr>
      <w:t>15/11/2016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F426D"/>
    <w:rsid w:val="00093AB8"/>
    <w:rsid w:val="00665ECF"/>
    <w:rsid w:val="008F426D"/>
    <w:rsid w:val="009B6EC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401E3EFA-6163-4C45-B200-8AC079C3CDA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9B6ECD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9B6ECD"/>
  </w:style>
  <w:style w:type="paragraph" w:styleId="Footer">
    <w:name w:val="footer"/>
    <w:basedOn w:val="Normal"/>
    <w:link w:val="FooterChar"/>
    <w:uiPriority w:val="99"/>
    <w:unhideWhenUsed/>
    <w:rsid w:val="009B6ECD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9B6EC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4</Pages>
  <Words>791</Words>
  <Characters>4512</Characters>
  <Application>Microsoft Office Word</Application>
  <DocSecurity>0</DocSecurity>
  <Lines>37</Lines>
  <Paragraphs>10</Paragraphs>
  <ScaleCrop>false</ScaleCrop>
  <Company/>
  <LinksUpToDate>false</LinksUpToDate>
  <CharactersWithSpaces>529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ules Facultat d'Economia i Empresa</dc:creator>
  <cp:keywords/>
  <dc:description/>
  <cp:lastModifiedBy>Aules Facultat d'Economia i Empresa</cp:lastModifiedBy>
  <cp:revision>2</cp:revision>
  <dcterms:created xsi:type="dcterms:W3CDTF">2016-11-15T08:28:00Z</dcterms:created>
  <dcterms:modified xsi:type="dcterms:W3CDTF">2016-11-15T08:30:00Z</dcterms:modified>
</cp:coreProperties>
</file>